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67" d="100"/>
          <a:sy n="67" d="100"/>
        </p:scale>
        <p:origin x="776" y="4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2493" y="1659720"/>
            <a:ext cx="11337923" cy="209084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76175"/>
            <a:ext cx="11201400" cy="177283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06271" cy="2090844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2493" y="4276175"/>
            <a:ext cx="728726" cy="1772835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698256" y="2159423"/>
            <a:ext cx="62230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060578" y="2426123"/>
            <a:ext cx="2159000" cy="20320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654167" y="3377692"/>
            <a:ext cx="4149936" cy="205825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26441" y="4694767"/>
            <a:ext cx="25400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403288" y="4641343"/>
            <a:ext cx="4323065" cy="231224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413234" y="5807710"/>
            <a:ext cx="3175000" cy="20320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060578" y="2426123"/>
            <a:ext cx="18415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5017470" y="3084195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26441" y="4694767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AI and Front End Web App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598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Analytic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3351349" y="9321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225649" y="74612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dk1"/>
                </a:solidFill>
                <a:latin typeface="Calibri" panose="020F0502020204030204" pitchFamily="34" charset="0"/>
              </a:rPr>
              <a:t>Q</a:t>
            </a: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237156" y="2169498"/>
            <a:ext cx="5684100" cy="1767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Train Watson to give a better user experience and include tone analysis to understand distress calls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262529" y="2432318"/>
            <a:ext cx="151742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Work in Progress Product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093458" y="266742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28259" y="3393102"/>
            <a:ext cx="4115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latin typeface="Calibri" panose="020F0502020204030204" pitchFamily="34" charset="0"/>
              </a:rPr>
              <a:t>Watson Integration completion with Text To Speech and Speech to text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069795" y="4644051"/>
            <a:ext cx="13958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Work in Progress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309000" y="4481867"/>
            <a:ext cx="441735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Email and SMS subscription will be added notify about the current </a:t>
            </a:r>
            <a:r>
              <a:rPr lang="en-US" sz="1100" b="1" spc="-4" dirty="0" err="1">
                <a:latin typeface="Calibri" panose="020F0502020204030204" pitchFamily="34" charset="0"/>
              </a:rPr>
              <a:t>staus</a:t>
            </a:r>
            <a:r>
              <a:rPr lang="en-US" sz="1100" b="1" spc="-4" dirty="0">
                <a:latin typeface="Calibri" panose="020F0502020204030204" pitchFamily="34" charset="0"/>
              </a:rPr>
              <a:t> and forecasting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060578" y="5794320"/>
            <a:ext cx="45276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latin typeface="Calibri" panose="020F0502020204030204" pitchFamily="34" charset="0"/>
              </a:rPr>
              <a:t>Data analysis will be added on different types of food can be supplied 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SLA_dcff1c639d554448bc614842e864cf96_Shape">
            <a:extLst>
              <a:ext uri="{FF2B5EF4-FFF2-40B4-BE49-F238E27FC236}">
                <a16:creationId xmlns:a16="http://schemas.microsoft.com/office/drawing/2014/main" id="{26FB2C98-1A73-407A-9BEE-8088F56FED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60994" y="21340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A_dcff1c639d554448bc614842e864cf96_Title">
            <a:extLst>
              <a:ext uri="{FF2B5EF4-FFF2-40B4-BE49-F238E27FC236}">
                <a16:creationId xmlns:a16="http://schemas.microsoft.com/office/drawing/2014/main" id="{946478A1-6B8C-4A4C-979A-2EEC7342613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750343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44" name="OTLSHAPE_SLA_f1644f461c154e9a808d0f1567a19d65_Title">
            <a:extLst>
              <a:ext uri="{FF2B5EF4-FFF2-40B4-BE49-F238E27FC236}">
                <a16:creationId xmlns:a16="http://schemas.microsoft.com/office/drawing/2014/main" id="{4A26BAFB-6F43-4DA2-B179-7017854A70C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801870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47" name="OTLSHAPE_SLA_c29df0ccc2ec4b32abeaffa9dc259d39_Title">
            <a:extLst>
              <a:ext uri="{FF2B5EF4-FFF2-40B4-BE49-F238E27FC236}">
                <a16:creationId xmlns:a16="http://schemas.microsoft.com/office/drawing/2014/main" id="{2A6B01A6-F918-4C3A-9E98-53EFB25B6B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56296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duct Roadmap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SLT_5f80df6430964df28eaae672b3613460_Shape">
            <a:extLst>
              <a:ext uri="{FF2B5EF4-FFF2-40B4-BE49-F238E27FC236}">
                <a16:creationId xmlns:a16="http://schemas.microsoft.com/office/drawing/2014/main" id="{D38415E6-9822-4D2A-A8B2-FB18FEC3E56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399008" y="2472775"/>
            <a:ext cx="4149936" cy="21225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Performance Optimization to scale the application across India</a:t>
            </a:r>
          </a:p>
          <a:p>
            <a:pPr algn="ctr"/>
            <a:endParaRPr lang="en-US" sz="1200" dirty="0"/>
          </a:p>
        </p:txBody>
      </p:sp>
      <p:sp>
        <p:nvSpPr>
          <p:cNvPr id="107" name="OTLSHAPE_SLT_5f80df6430964df28eaae672b3613460_Shape">
            <a:extLst>
              <a:ext uri="{FF2B5EF4-FFF2-40B4-BE49-F238E27FC236}">
                <a16:creationId xmlns:a16="http://schemas.microsoft.com/office/drawing/2014/main" id="{2966155E-EFD4-4209-9036-CDA2446358E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912084" y="2888234"/>
            <a:ext cx="4449678" cy="237151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Integration with government Hunger Helpline/Hunger Hero’s helpline</a:t>
            </a:r>
          </a:p>
          <a:p>
            <a:pPr algn="ctr"/>
            <a:endParaRPr lang="en-US" sz="1200" dirty="0"/>
          </a:p>
        </p:txBody>
      </p:sp>
      <p:sp>
        <p:nvSpPr>
          <p:cNvPr id="45" name="OTLSHAPE_SLT_5fdc1ae17390491587eeb3e0a5701e86_Shape">
            <a:extLst>
              <a:ext uri="{FF2B5EF4-FFF2-40B4-BE49-F238E27FC236}">
                <a16:creationId xmlns:a16="http://schemas.microsoft.com/office/drawing/2014/main" id="{8B021E41-79C6-45E2-B94C-4601E87ED12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159635" y="5228824"/>
            <a:ext cx="3832213" cy="117208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tx1"/>
                </a:solidFill>
              </a:rPr>
              <a:t>Promotional dashboards will be </a:t>
            </a:r>
            <a:r>
              <a:rPr lang="en-US" sz="1200" dirty="0">
                <a:solidFill>
                  <a:schemeClr val="tx1"/>
                </a:solidFill>
              </a:rPr>
              <a:t>added</a:t>
            </a:r>
            <a:r>
              <a:rPr lang="en-US" dirty="0">
                <a:solidFill>
                  <a:schemeClr val="tx1"/>
                </a:solidFill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2</Words>
  <Application>Microsoft Office PowerPoint</Application>
  <PresentationFormat>Widescreen</PresentationFormat>
  <Paragraphs>2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3_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06-06T14:55:59Z</dcterms:modified>
</cp:coreProperties>
</file>